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/>
  <mc:AlternateContent xmlns:mc="http://schemas.openxmlformats.org/markup-compatibility/2006">
    <mc:Choice Requires="x15">
      <x15ac:absPath xmlns:x15ac="http://schemas.microsoft.com/office/spreadsheetml/2010/11/ac" url="\\kfs01\s0702\03_建設リサイクルグループ\01_建設リサイクル\06 グリーン調達基準（リ資材要領、認定関連、率先利用単価　ほか）\02 神奈川県県土整備局建設リサイクル資材評価実施要領\01_リサイクル要領※常保存\R0304改正_リサイクル要領（R0404軽微変更_建リ⇒技管）\様式\"/>
    </mc:Choice>
  </mc:AlternateContent>
  <xr:revisionPtr revIDLastSave="0" documentId="13_ncr:9_{AF044CA1-DD73-4ACA-B9E6-BDE02E37C1DD}" xr6:coauthVersionLast="47" xr6:coauthVersionMax="47" xr10:uidLastSave="{00000000-0000-0000-0000-000000000000}"/>
  <bookViews>
    <workbookView xWindow="-108" yWindow="-108" windowWidth="23256" windowHeight="13896" activeTab="1" xr2:uid="{CD0C77F8-9EC1-47AB-A61F-EAD212971CFA}"/>
  </bookViews>
  <sheets>
    <sheet name="リサイクル資材年次報告様式（第５号様式）" sheetId="6" r:id="rId1"/>
    <sheet name="記載例" sheetId="7" r:id="rId2"/>
  </sheets>
  <definedNames>
    <definedName name="_xlnm.Print_Area" localSheetId="0">'リサイクル資材年次報告様式（第５号様式）'!$A$1:$K$4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J38" i="7" l="1"/>
  <c r="I38" i="7"/>
  <c r="H38" i="7"/>
  <c r="I38" i="6" l="1"/>
  <c r="J38" i="6"/>
  <c r="H38" i="6"/>
</calcChain>
</file>

<file path=xl/sharedStrings.xml><?xml version="1.0" encoding="utf-8"?>
<sst xmlns="http://schemas.openxmlformats.org/spreadsheetml/2006/main" count="120" uniqueCount="55">
  <si>
    <t>　</t>
    <phoneticPr fontId="2"/>
  </si>
  <si>
    <t>　</t>
    <phoneticPr fontId="2"/>
  </si>
  <si>
    <t>作成責任者</t>
    <rPh sb="0" eb="2">
      <t>サクセイ</t>
    </rPh>
    <rPh sb="2" eb="5">
      <t>セキニンシャ</t>
    </rPh>
    <phoneticPr fontId="2"/>
  </si>
  <si>
    <t>　</t>
    <phoneticPr fontId="2"/>
  </si>
  <si>
    <t>（　　　年度分）</t>
    <rPh sb="4" eb="6">
      <t>ネンド</t>
    </rPh>
    <rPh sb="6" eb="7">
      <t>ブン</t>
    </rPh>
    <phoneticPr fontId="2"/>
  </si>
  <si>
    <t>認定事業者名</t>
    <rPh sb="0" eb="2">
      <t>ニンテイ</t>
    </rPh>
    <rPh sb="2" eb="6">
      <t>ジギョウシャメイ</t>
    </rPh>
    <phoneticPr fontId="2"/>
  </si>
  <si>
    <t>作成部署名</t>
    <phoneticPr fontId="2"/>
  </si>
  <si>
    <t>（製造工場</t>
    <phoneticPr fontId="2"/>
  </si>
  <si>
    <t>)</t>
    <phoneticPr fontId="2"/>
  </si>
  <si>
    <t>連絡先電話</t>
    <phoneticPr fontId="2"/>
  </si>
  <si>
    <t>認定資材別の状況報告書</t>
    <rPh sb="0" eb="2">
      <t>ニンテイ</t>
    </rPh>
    <rPh sb="2" eb="4">
      <t>シザイ</t>
    </rPh>
    <rPh sb="4" eb="5">
      <t>ベツ</t>
    </rPh>
    <rPh sb="6" eb="8">
      <t>ジョウキョウ</t>
    </rPh>
    <rPh sb="8" eb="11">
      <t>ホウコクショ</t>
    </rPh>
    <phoneticPr fontId="2"/>
  </si>
  <si>
    <t>備考  １　認定資材の寸法・規格（認定番号）別に区分して、記入すること。</t>
    <rPh sb="0" eb="2">
      <t>ビコウ</t>
    </rPh>
    <rPh sb="6" eb="8">
      <t>ニンテイ</t>
    </rPh>
    <rPh sb="8" eb="10">
      <t>シザイ</t>
    </rPh>
    <rPh sb="11" eb="13">
      <t>スンポウ</t>
    </rPh>
    <rPh sb="14" eb="16">
      <t>キカク</t>
    </rPh>
    <rPh sb="17" eb="19">
      <t>ニンテイ</t>
    </rPh>
    <rPh sb="19" eb="21">
      <t>バンゴウ</t>
    </rPh>
    <rPh sb="22" eb="23">
      <t>ベツ</t>
    </rPh>
    <rPh sb="24" eb="26">
      <t>クブン</t>
    </rPh>
    <rPh sb="29" eb="31">
      <t>キニュウ</t>
    </rPh>
    <phoneticPr fontId="2"/>
  </si>
  <si>
    <t>（単位：t）</t>
    <rPh sb="1" eb="3">
      <t>タンイ</t>
    </rPh>
    <phoneticPr fontId="2"/>
  </si>
  <si>
    <t>寸法・規格等</t>
  </si>
  <si>
    <t>認定番号</t>
  </si>
  <si>
    <t>品目</t>
  </si>
  <si>
    <t>規格</t>
  </si>
  <si>
    <t>識別</t>
  </si>
  <si>
    <t>認定資材の生産量</t>
  </si>
  <si>
    <t>神奈川県県土整備局発注工事への出荷量</t>
  </si>
  <si>
    <t>左における再生資源の使用量</t>
    <phoneticPr fontId="2"/>
  </si>
  <si>
    <t>認定期間</t>
    <rPh sb="0" eb="2">
      <t>ニンテイ</t>
    </rPh>
    <rPh sb="2" eb="4">
      <t>キカン</t>
    </rPh>
    <phoneticPr fontId="2"/>
  </si>
  <si>
    <t>　　　２　出荷量については、県土整備局発注工事に係るものについて記入すること。</t>
    <rPh sb="5" eb="7">
      <t>シュッカ</t>
    </rPh>
    <rPh sb="7" eb="8">
      <t>リョウ</t>
    </rPh>
    <rPh sb="14" eb="16">
      <t>ケンド</t>
    </rPh>
    <rPh sb="16" eb="18">
      <t>セイビ</t>
    </rPh>
    <rPh sb="18" eb="19">
      <t>キョク</t>
    </rPh>
    <rPh sb="19" eb="21">
      <t>ハッチュウ</t>
    </rPh>
    <rPh sb="21" eb="23">
      <t>コウジ</t>
    </rPh>
    <rPh sb="24" eb="25">
      <t>カカワ</t>
    </rPh>
    <rPh sb="32" eb="34">
      <t>キニュウ</t>
    </rPh>
    <phoneticPr fontId="2"/>
  </si>
  <si>
    <r>
      <t>第５号様式</t>
    </r>
    <r>
      <rPr>
        <sz val="10"/>
        <rFont val="ＭＳ Ｐゴシック"/>
        <family val="3"/>
        <charset val="128"/>
      </rPr>
      <t>（第９条関係）（用紙　日本産業規格Ａ４縦長型）</t>
    </r>
    <rPh sb="0" eb="1">
      <t>ダイ</t>
    </rPh>
    <rPh sb="2" eb="3">
      <t>ゴウ</t>
    </rPh>
    <rPh sb="3" eb="5">
      <t>ヨウシキ</t>
    </rPh>
    <rPh sb="6" eb="7">
      <t>ダイ</t>
    </rPh>
    <rPh sb="8" eb="9">
      <t>ジョウ</t>
    </rPh>
    <rPh sb="9" eb="11">
      <t>カンケイ</t>
    </rPh>
    <rPh sb="13" eb="15">
      <t>ヨウシ</t>
    </rPh>
    <rPh sb="16" eb="18">
      <t>ニホン</t>
    </rPh>
    <rPh sb="18" eb="20">
      <t>サンギョウ</t>
    </rPh>
    <rPh sb="20" eb="22">
      <t>キカク</t>
    </rPh>
    <rPh sb="24" eb="25">
      <t>タテ</t>
    </rPh>
    <rPh sb="25" eb="26">
      <t>ナガ</t>
    </rPh>
    <rPh sb="26" eb="27">
      <t>カタ</t>
    </rPh>
    <phoneticPr fontId="2"/>
  </si>
  <si>
    <t>合計</t>
    <rPh sb="0" eb="2">
      <t>ゴウケイ</t>
    </rPh>
    <phoneticPr fontId="2"/>
  </si>
  <si>
    <t>●●（株）</t>
    <rPh sb="2" eb="5">
      <t>カブ</t>
    </rPh>
    <phoneticPr fontId="2"/>
  </si>
  <si>
    <t>品質管理部●●課</t>
    <rPh sb="0" eb="2">
      <t>ヒンシツ</t>
    </rPh>
    <rPh sb="2" eb="4">
      <t>カンリ</t>
    </rPh>
    <rPh sb="4" eb="5">
      <t>ブ</t>
    </rPh>
    <rPh sb="7" eb="8">
      <t>カ</t>
    </rPh>
    <phoneticPr fontId="2"/>
  </si>
  <si>
    <t>●●工場)</t>
    <rPh sb="2" eb="4">
      <t>コウジョウ</t>
    </rPh>
    <phoneticPr fontId="2"/>
  </si>
  <si>
    <t>神奈川　太郎</t>
    <rPh sb="0" eb="3">
      <t>カナガワ</t>
    </rPh>
    <rPh sb="4" eb="6">
      <t>タロウ</t>
    </rPh>
    <phoneticPr fontId="2"/>
  </si>
  <si>
    <t>●●●－●●●－●●●●</t>
    <phoneticPr fontId="2"/>
  </si>
  <si>
    <t>再生ＡＳ安定処理(40)</t>
    <rPh sb="0" eb="2">
      <t>サイセイ</t>
    </rPh>
    <rPh sb="4" eb="6">
      <t>アンテイ</t>
    </rPh>
    <rPh sb="6" eb="8">
      <t>ショリ</t>
    </rPh>
    <phoneticPr fontId="2"/>
  </si>
  <si>
    <t>●</t>
    <phoneticPr fontId="2"/>
  </si>
  <si>
    <t>R4.5.6～R9.5.5</t>
    <phoneticPr fontId="2"/>
  </si>
  <si>
    <t>再生ＡＳ安定処理(30)</t>
    <rPh sb="0" eb="2">
      <t>サイセイ</t>
    </rPh>
    <rPh sb="4" eb="6">
      <t>アンテイ</t>
    </rPh>
    <rPh sb="6" eb="8">
      <t>ショリ</t>
    </rPh>
    <phoneticPr fontId="2"/>
  </si>
  <si>
    <t>再生粗粒度アスコン(20)</t>
    <rPh sb="0" eb="2">
      <t>サイセイ</t>
    </rPh>
    <rPh sb="2" eb="3">
      <t>ソ</t>
    </rPh>
    <rPh sb="3" eb="5">
      <t>リュウド</t>
    </rPh>
    <phoneticPr fontId="2"/>
  </si>
  <si>
    <t>再生密粒度アスコン(20)</t>
    <rPh sb="0" eb="2">
      <t>サイセイ</t>
    </rPh>
    <rPh sb="2" eb="3">
      <t>ミツ</t>
    </rPh>
    <rPh sb="3" eb="5">
      <t>リュウド</t>
    </rPh>
    <phoneticPr fontId="2"/>
  </si>
  <si>
    <t>再生密粒度アスコン(13)</t>
    <rPh sb="0" eb="2">
      <t>サイセイ</t>
    </rPh>
    <rPh sb="2" eb="3">
      <t>ミツ</t>
    </rPh>
    <rPh sb="3" eb="5">
      <t>リュウド</t>
    </rPh>
    <phoneticPr fontId="2"/>
  </si>
  <si>
    <t>再生細粒度アスコン(13)</t>
    <rPh sb="0" eb="2">
      <t>サイセイ</t>
    </rPh>
    <rPh sb="2" eb="3">
      <t>サイ</t>
    </rPh>
    <rPh sb="3" eb="5">
      <t>リュウド</t>
    </rPh>
    <phoneticPr fontId="2"/>
  </si>
  <si>
    <t>再生開粒度アスコン(13)</t>
    <rPh sb="0" eb="2">
      <t>サイセイ</t>
    </rPh>
    <rPh sb="2" eb="3">
      <t>カイ</t>
    </rPh>
    <rPh sb="3" eb="5">
      <t>リュウド</t>
    </rPh>
    <phoneticPr fontId="2"/>
  </si>
  <si>
    <t>再生コンクリート二次製品
地先境界ブロックetc…</t>
    <rPh sb="0" eb="2">
      <t>サイセイ</t>
    </rPh>
    <rPh sb="8" eb="12">
      <t>ニジセイヒン</t>
    </rPh>
    <rPh sb="13" eb="17">
      <t>チサキキョウカイ</t>
    </rPh>
    <phoneticPr fontId="2"/>
  </si>
  <si>
    <t>R5.6.7～R10.6.6</t>
    <phoneticPr fontId="2"/>
  </si>
  <si>
    <t>再生木質ボード</t>
    <rPh sb="0" eb="4">
      <t>サイセイモクシツ</t>
    </rPh>
    <phoneticPr fontId="2"/>
  </si>
  <si>
    <t>R6.7.8～R11.7.7</t>
    <phoneticPr fontId="2"/>
  </si>
  <si>
    <t>排水・通気用再生硬質塩化ビニル</t>
    <rPh sb="0" eb="2">
      <t>ハイスイ</t>
    </rPh>
    <rPh sb="3" eb="12">
      <t>ツウキヨウサイセイコウシツエンカ</t>
    </rPh>
    <phoneticPr fontId="2"/>
  </si>
  <si>
    <t>R7.8.9～R12.8.8</t>
    <phoneticPr fontId="2"/>
  </si>
  <si>
    <t>再生人造鉱物繊維断熱材（グラスウール等）</t>
    <rPh sb="0" eb="2">
      <t>サイセイ</t>
    </rPh>
    <rPh sb="2" eb="11">
      <t>ジンゾウコウブツセンイダンネツザイ</t>
    </rPh>
    <rPh sb="18" eb="19">
      <t>トウ</t>
    </rPh>
    <phoneticPr fontId="2"/>
  </si>
  <si>
    <t>商社へ納入</t>
    <rPh sb="0" eb="2">
      <t>ショウシャ</t>
    </rPh>
    <rPh sb="3" eb="5">
      <t>ノウニュウ</t>
    </rPh>
    <phoneticPr fontId="2"/>
  </si>
  <si>
    <t>再生骨材コンクリート</t>
    <rPh sb="0" eb="4">
      <t>サイセイコツザイ</t>
    </rPh>
    <phoneticPr fontId="2"/>
  </si>
  <si>
    <t>再生改良土</t>
    <rPh sb="0" eb="5">
      <t>サイセイカイリョウド</t>
    </rPh>
    <phoneticPr fontId="2"/>
  </si>
  <si>
    <r>
      <t xml:space="preserve">再生集成材・合板
</t>
    </r>
    <r>
      <rPr>
        <sz val="8"/>
        <color rgb="FFFF0000"/>
        <rFont val="ＭＳ Ｐゴシック"/>
        <family val="3"/>
        <charset val="128"/>
      </rPr>
      <t>桧・杉台形集成材300mm×910mm×4000mm以内</t>
    </r>
    <rPh sb="0" eb="5">
      <t>サイセイシュウセイザイ</t>
    </rPh>
    <rPh sb="6" eb="8">
      <t>ゴウハン</t>
    </rPh>
    <rPh sb="9" eb="10">
      <t>ヒノキ</t>
    </rPh>
    <rPh sb="11" eb="12">
      <t>スギ</t>
    </rPh>
    <rPh sb="12" eb="17">
      <t>ダイケイシュウセイザイ</t>
    </rPh>
    <rPh sb="35" eb="37">
      <t>イナイ</t>
    </rPh>
    <phoneticPr fontId="2"/>
  </si>
  <si>
    <t>R6.2.12～R11.2.11</t>
    <phoneticPr fontId="2"/>
  </si>
  <si>
    <t>再生モルタル</t>
    <rPh sb="0" eb="2">
      <t>サイセイ</t>
    </rPh>
    <phoneticPr fontId="2"/>
  </si>
  <si>
    <t>再生流動性埋戻材</t>
    <rPh sb="0" eb="8">
      <t>サイセイリュウドウセイウメモドシザイ</t>
    </rPh>
    <phoneticPr fontId="2"/>
  </si>
  <si>
    <t>再生生コンクリート
18-15-20-N　etc…</t>
    <rPh sb="0" eb="3">
      <t>サイセイナマ</t>
    </rPh>
    <phoneticPr fontId="2"/>
  </si>
  <si>
    <t>（●年度分）</t>
    <rPh sb="2" eb="4">
      <t>ネンド</t>
    </rPh>
    <rPh sb="4" eb="5">
      <t>ブ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83" formatCode="#,##0_ 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6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明朝"/>
      <family val="1"/>
      <charset val="128"/>
    </font>
    <font>
      <sz val="8"/>
      <name val="ＭＳ 明朝"/>
      <family val="1"/>
      <charset val="128"/>
    </font>
    <font>
      <sz val="9"/>
      <name val="ＭＳ 明朝"/>
      <family val="1"/>
      <charset val="128"/>
    </font>
    <font>
      <sz val="11"/>
      <color rgb="FFFF0000"/>
      <name val="ＭＳ Ｐゴシック"/>
      <family val="3"/>
      <charset val="128"/>
    </font>
    <font>
      <sz val="11"/>
      <color rgb="FFFF0000"/>
      <name val="ＭＳ 明朝"/>
      <family val="1"/>
      <charset val="128"/>
    </font>
    <font>
      <sz val="9"/>
      <color rgb="FFFF0000"/>
      <name val="ＭＳ ゴシック"/>
      <family val="3"/>
      <charset val="128"/>
    </font>
    <font>
      <sz val="10"/>
      <color rgb="FFFF0000"/>
      <name val="ＭＳ Ｐゴシック"/>
      <family val="3"/>
      <charset val="128"/>
    </font>
    <font>
      <sz val="8"/>
      <color rgb="FFFF0000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2">
    <xf numFmtId="0" fontId="0" fillId="0" borderId="0"/>
    <xf numFmtId="0" fontId="1" fillId="0" borderId="0">
      <alignment vertical="center"/>
    </xf>
  </cellStyleXfs>
  <cellXfs count="47">
    <xf numFmtId="0" fontId="0" fillId="0" borderId="0" xfId="0"/>
    <xf numFmtId="0" fontId="0" fillId="0" borderId="0" xfId="0" applyAlignment="1">
      <alignment horizontal="right"/>
    </xf>
    <xf numFmtId="0" fontId="0" fillId="0" borderId="0" xfId="0" applyAlignment="1">
      <alignment horizontal="center"/>
    </xf>
    <xf numFmtId="0" fontId="0" fillId="0" borderId="1" xfId="0" applyBorder="1"/>
    <xf numFmtId="0" fontId="0" fillId="0" borderId="0" xfId="0" applyBorder="1"/>
    <xf numFmtId="0" fontId="3" fillId="0" borderId="0" xfId="0" applyFont="1" applyAlignment="1">
      <alignment horizontal="right"/>
    </xf>
    <xf numFmtId="0" fontId="5" fillId="0" borderId="0" xfId="0" applyFont="1" applyBorder="1"/>
    <xf numFmtId="0" fontId="5" fillId="0" borderId="0" xfId="0" quotePrefix="1" applyFont="1" applyAlignment="1">
      <alignment horizontal="center"/>
    </xf>
    <xf numFmtId="0" fontId="6" fillId="0" borderId="0" xfId="0" applyFont="1"/>
    <xf numFmtId="0" fontId="5" fillId="0" borderId="0" xfId="0" applyFont="1" applyAlignment="1">
      <alignment horizontal="right"/>
    </xf>
    <xf numFmtId="0" fontId="8" fillId="0" borderId="1" xfId="0" applyFont="1" applyBorder="1" applyAlignment="1">
      <alignment horizontal="justify" vertical="top" wrapText="1"/>
    </xf>
    <xf numFmtId="0" fontId="8" fillId="0" borderId="1" xfId="0" applyFont="1" applyBorder="1" applyAlignment="1">
      <alignment horizontal="center" vertical="top" wrapText="1"/>
    </xf>
    <xf numFmtId="0" fontId="8" fillId="0" borderId="3" xfId="0" applyFont="1" applyBorder="1" applyAlignment="1">
      <alignment horizontal="justify" vertical="top" wrapText="1"/>
    </xf>
    <xf numFmtId="0" fontId="4" fillId="0" borderId="0" xfId="0" applyFont="1" applyAlignment="1">
      <alignment horizontal="center"/>
    </xf>
    <xf numFmtId="0" fontId="7" fillId="0" borderId="0" xfId="0" applyFont="1" applyAlignment="1">
      <alignment horizontal="center"/>
    </xf>
    <xf numFmtId="0" fontId="8" fillId="0" borderId="3" xfId="0" applyFont="1" applyBorder="1" applyAlignment="1">
      <alignment horizontal="center" vertical="center" wrapText="1"/>
    </xf>
    <xf numFmtId="0" fontId="8" fillId="0" borderId="4" xfId="0" applyFont="1" applyBorder="1" applyAlignment="1">
      <alignment horizontal="center" vertical="center" wrapText="1"/>
    </xf>
    <xf numFmtId="0" fontId="8" fillId="0" borderId="5" xfId="0" applyFont="1" applyBorder="1" applyAlignment="1">
      <alignment horizontal="center" vertical="center" wrapText="1"/>
    </xf>
    <xf numFmtId="0" fontId="8" fillId="0" borderId="2" xfId="0" applyFont="1" applyBorder="1" applyAlignment="1">
      <alignment horizontal="center" vertical="center" wrapText="1"/>
    </xf>
    <xf numFmtId="0" fontId="9" fillId="0" borderId="1" xfId="0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2" xfId="0" applyFont="1" applyBorder="1" applyAlignment="1">
      <alignment horizontal="center" vertical="center" wrapText="1"/>
    </xf>
    <xf numFmtId="0" fontId="4" fillId="0" borderId="0" xfId="0" applyFont="1" applyAlignment="1">
      <alignment horizontal="center"/>
    </xf>
    <xf numFmtId="0" fontId="0" fillId="0" borderId="0" xfId="0" applyAlignment="1">
      <alignment horizontal="center"/>
    </xf>
    <xf numFmtId="0" fontId="0" fillId="2" borderId="0" xfId="0" applyFill="1"/>
    <xf numFmtId="0" fontId="0" fillId="2" borderId="0" xfId="0" applyFill="1" applyAlignment="1">
      <alignment horizontal="right"/>
    </xf>
    <xf numFmtId="0" fontId="5" fillId="2" borderId="0" xfId="0" applyFont="1" applyFill="1" applyAlignment="1">
      <alignment horizontal="right"/>
    </xf>
    <xf numFmtId="0" fontId="0" fillId="2" borderId="2" xfId="0" applyFill="1" applyBorder="1"/>
    <xf numFmtId="0" fontId="0" fillId="2" borderId="1" xfId="0" applyFill="1" applyBorder="1"/>
    <xf numFmtId="0" fontId="0" fillId="0" borderId="1" xfId="0" applyBorder="1" applyAlignment="1">
      <alignment horizontal="right"/>
    </xf>
    <xf numFmtId="0" fontId="10" fillId="0" borderId="1" xfId="0" applyFont="1" applyBorder="1" applyAlignment="1">
      <alignment horizontal="justify" vertical="top" wrapText="1"/>
    </xf>
    <xf numFmtId="0" fontId="11" fillId="2" borderId="0" xfId="0" applyFont="1" applyFill="1" applyAlignment="1">
      <alignment horizontal="center"/>
    </xf>
    <xf numFmtId="0" fontId="12" fillId="2" borderId="0" xfId="0" applyFont="1" applyFill="1" applyAlignment="1">
      <alignment horizontal="center"/>
    </xf>
    <xf numFmtId="0" fontId="13" fillId="2" borderId="1" xfId="1" applyFont="1" applyFill="1" applyBorder="1">
      <alignment vertical="center"/>
    </xf>
    <xf numFmtId="0" fontId="11" fillId="2" borderId="2" xfId="0" applyFont="1" applyFill="1" applyBorder="1" applyAlignment="1">
      <alignment vertical="center"/>
    </xf>
    <xf numFmtId="183" fontId="11" fillId="2" borderId="2" xfId="0" applyNumberFormat="1" applyFont="1" applyFill="1" applyBorder="1" applyAlignment="1">
      <alignment vertical="center"/>
    </xf>
    <xf numFmtId="0" fontId="11" fillId="2" borderId="1" xfId="0" applyFont="1" applyFill="1" applyBorder="1" applyAlignment="1">
      <alignment vertical="center"/>
    </xf>
    <xf numFmtId="183" fontId="11" fillId="2" borderId="1" xfId="0" applyNumberFormat="1" applyFont="1" applyFill="1" applyBorder="1" applyAlignment="1">
      <alignment vertical="center"/>
    </xf>
    <xf numFmtId="0" fontId="14" fillId="2" borderId="1" xfId="0" applyFont="1" applyFill="1" applyBorder="1" applyAlignment="1">
      <alignment vertical="center" wrapText="1"/>
    </xf>
    <xf numFmtId="183" fontId="14" fillId="2" borderId="1" xfId="0" applyNumberFormat="1" applyFont="1" applyFill="1" applyBorder="1" applyAlignment="1">
      <alignment vertical="center"/>
    </xf>
    <xf numFmtId="0" fontId="11" fillId="2" borderId="1" xfId="0" applyFont="1" applyFill="1" applyBorder="1" applyAlignment="1">
      <alignment vertical="center" wrapText="1"/>
    </xf>
    <xf numFmtId="0" fontId="0" fillId="2" borderId="1" xfId="0" applyFill="1" applyBorder="1" applyAlignment="1">
      <alignment vertical="center"/>
    </xf>
    <xf numFmtId="183" fontId="0" fillId="2" borderId="1" xfId="0" applyNumberFormat="1" applyFill="1" applyBorder="1" applyAlignment="1">
      <alignment vertical="center"/>
    </xf>
    <xf numFmtId="0" fontId="0" fillId="0" borderId="1" xfId="0" applyBorder="1" applyAlignment="1">
      <alignment vertical="center"/>
    </xf>
    <xf numFmtId="0" fontId="0" fillId="0" borderId="1" xfId="0" applyBorder="1" applyAlignment="1">
      <alignment horizontal="right" vertical="center"/>
    </xf>
    <xf numFmtId="183" fontId="0" fillId="0" borderId="1" xfId="0" applyNumberFormat="1" applyBorder="1" applyAlignment="1">
      <alignment vertical="center"/>
    </xf>
    <xf numFmtId="0" fontId="5" fillId="0" borderId="0" xfId="0" applyFont="1"/>
  </cellXfs>
  <cellStyles count="2">
    <cellStyle name="標準" xfId="0" builtinId="0"/>
    <cellStyle name="標準 2" xfId="1" xr:uid="{791602E2-4BA5-40FE-8EF6-41DBFD122F49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60960</xdr:colOff>
      <xdr:row>0</xdr:row>
      <xdr:rowOff>45720</xdr:rowOff>
    </xdr:from>
    <xdr:to>
      <xdr:col>11</xdr:col>
      <xdr:colOff>205740</xdr:colOff>
      <xdr:row>4</xdr:row>
      <xdr:rowOff>22860</xdr:rowOff>
    </xdr:to>
    <xdr:sp macro="" textlink="">
      <xdr:nvSpPr>
        <xdr:cNvPr id="18" name="テキスト ボックス 17">
          <a:extLst>
            <a:ext uri="{FF2B5EF4-FFF2-40B4-BE49-F238E27FC236}">
              <a16:creationId xmlns:a16="http://schemas.microsoft.com/office/drawing/2014/main" id="{A6A04682-5D57-4FAB-909B-8FF8A5E790E9}"/>
            </a:ext>
          </a:extLst>
        </xdr:cNvPr>
        <xdr:cNvSpPr txBox="1"/>
      </xdr:nvSpPr>
      <xdr:spPr>
        <a:xfrm>
          <a:off x="4312920" y="45720"/>
          <a:ext cx="2110740" cy="723900"/>
        </a:xfrm>
        <a:prstGeom prst="rect">
          <a:avLst/>
        </a:prstGeom>
        <a:solidFill>
          <a:srgbClr val="FFFF00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kern="1200"/>
            <a:t>認定証に記載の事業者の名称、工場名、報告書の作成責任者、連絡先電話番号を記載</a:t>
          </a:r>
          <a:endParaRPr kumimoji="0" lang="en-US" altLang="ja-JP" sz="1100" b="0" i="0" u="none" strike="noStrike" kern="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4</xdr:col>
      <xdr:colOff>53340</xdr:colOff>
      <xdr:row>9</xdr:row>
      <xdr:rowOff>129541</xdr:rowOff>
    </xdr:from>
    <xdr:to>
      <xdr:col>10</xdr:col>
      <xdr:colOff>41910</xdr:colOff>
      <xdr:row>10</xdr:row>
      <xdr:rowOff>91441</xdr:rowOff>
    </xdr:to>
    <xdr:sp macro="" textlink="">
      <xdr:nvSpPr>
        <xdr:cNvPr id="20" name="テキスト ボックス 19">
          <a:extLst>
            <a:ext uri="{FF2B5EF4-FFF2-40B4-BE49-F238E27FC236}">
              <a16:creationId xmlns:a16="http://schemas.microsoft.com/office/drawing/2014/main" id="{FD21EB52-C33E-4D2F-8696-3D81875F6FD1}"/>
            </a:ext>
          </a:extLst>
        </xdr:cNvPr>
        <xdr:cNvSpPr txBox="1"/>
      </xdr:nvSpPr>
      <xdr:spPr>
        <a:xfrm>
          <a:off x="1996440" y="1714501"/>
          <a:ext cx="4171950" cy="289560"/>
        </a:xfrm>
        <a:prstGeom prst="rect">
          <a:avLst/>
        </a:prstGeom>
        <a:solidFill>
          <a:srgbClr val="FFFF00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kern="1200"/>
            <a:t>「㎥」で集計している場合は単位換算して「ｔ」で記載してください　↓</a:t>
          </a:r>
          <a:endParaRPr kumimoji="1" lang="en-US" altLang="ja-JP" sz="1100" kern="1200"/>
        </a:p>
        <a:p>
          <a:endParaRPr kumimoji="1" lang="ja-JP" altLang="en-US" sz="1100" kern="1200"/>
        </a:p>
      </xdr:txBody>
    </xdr:sp>
    <xdr:clientData/>
  </xdr:twoCellAnchor>
  <xdr:twoCellAnchor>
    <xdr:from>
      <xdr:col>2</xdr:col>
      <xdr:colOff>510540</xdr:colOff>
      <xdr:row>10</xdr:row>
      <xdr:rowOff>99060</xdr:rowOff>
    </xdr:from>
    <xdr:to>
      <xdr:col>6</xdr:col>
      <xdr:colOff>876300</xdr:colOff>
      <xdr:row>11</xdr:row>
      <xdr:rowOff>43815</xdr:rowOff>
    </xdr:to>
    <xdr:sp macro="" textlink="">
      <xdr:nvSpPr>
        <xdr:cNvPr id="21" name="テキスト ボックス 20">
          <a:extLst>
            <a:ext uri="{FF2B5EF4-FFF2-40B4-BE49-F238E27FC236}">
              <a16:creationId xmlns:a16="http://schemas.microsoft.com/office/drawing/2014/main" id="{303FAC33-41C8-4CEE-9158-3A4D233EE265}"/>
            </a:ext>
          </a:extLst>
        </xdr:cNvPr>
        <xdr:cNvSpPr txBox="1"/>
      </xdr:nvSpPr>
      <xdr:spPr>
        <a:xfrm>
          <a:off x="746760" y="2011680"/>
          <a:ext cx="2727960" cy="287655"/>
        </a:xfrm>
        <a:prstGeom prst="rect">
          <a:avLst/>
        </a:prstGeom>
        <a:solidFill>
          <a:srgbClr val="FFFF00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kern="1200"/>
            <a:t>↓　認定証から転記　↓　　　　　　　↓</a:t>
          </a:r>
        </a:p>
      </xdr:txBody>
    </xdr:sp>
    <xdr:clientData/>
  </xdr:twoCellAnchor>
  <xdr:twoCellAnchor>
    <xdr:from>
      <xdr:col>2</xdr:col>
      <xdr:colOff>304800</xdr:colOff>
      <xdr:row>3</xdr:row>
      <xdr:rowOff>53340</xdr:rowOff>
    </xdr:from>
    <xdr:to>
      <xdr:col>6</xdr:col>
      <xdr:colOff>0</xdr:colOff>
      <xdr:row>6</xdr:row>
      <xdr:rowOff>59055</xdr:rowOff>
    </xdr:to>
    <xdr:sp macro="" textlink="">
      <xdr:nvSpPr>
        <xdr:cNvPr id="22" name="テキスト ボックス 21">
          <a:extLst>
            <a:ext uri="{FF2B5EF4-FFF2-40B4-BE49-F238E27FC236}">
              <a16:creationId xmlns:a16="http://schemas.microsoft.com/office/drawing/2014/main" id="{ACC689BC-D0CD-4C79-89E6-B4CB594DFE8D}"/>
            </a:ext>
          </a:extLst>
        </xdr:cNvPr>
        <xdr:cNvSpPr txBox="1"/>
      </xdr:nvSpPr>
      <xdr:spPr>
        <a:xfrm>
          <a:off x="541020" y="632460"/>
          <a:ext cx="2057400" cy="508635"/>
        </a:xfrm>
        <a:prstGeom prst="rect">
          <a:avLst/>
        </a:prstGeom>
        <a:solidFill>
          <a:schemeClr val="accent4">
            <a:lumMod val="20000"/>
            <a:lumOff val="80000"/>
          </a:schemeClr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2800" kern="1200"/>
            <a:t>記載例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424A8A7-1B2A-45D9-AF06-6BB8F0AE2821}">
  <sheetPr>
    <tabColor rgb="FFFFFF00"/>
  </sheetPr>
  <dimension ref="A1:L43"/>
  <sheetViews>
    <sheetView view="pageBreakPreview" zoomScaleNormal="100" zoomScaleSheetLayoutView="100" workbookViewId="0">
      <selection activeCell="D7" sqref="D7"/>
    </sheetView>
  </sheetViews>
  <sheetFormatPr defaultRowHeight="13.2" x14ac:dyDescent="0.2"/>
  <cols>
    <col min="1" max="1" width="1.44140625" customWidth="1"/>
    <col min="2" max="2" width="2" customWidth="1"/>
    <col min="3" max="3" width="20.21875" customWidth="1"/>
    <col min="4" max="6" width="4.77734375" customWidth="1"/>
    <col min="7" max="7" width="24.109375" customWidth="1"/>
    <col min="8" max="10" width="9.109375" customWidth="1"/>
    <col min="11" max="11" width="1.33203125" customWidth="1"/>
    <col min="12" max="12" width="3.109375" customWidth="1"/>
  </cols>
  <sheetData>
    <row r="1" spans="2:12" ht="19.5" customHeight="1" x14ac:dyDescent="0.2">
      <c r="B1" s="8" t="s">
        <v>23</v>
      </c>
    </row>
    <row r="2" spans="2:12" ht="19.5" customHeight="1" x14ac:dyDescent="0.2"/>
    <row r="3" spans="2:12" ht="19.5" customHeight="1" x14ac:dyDescent="0.25">
      <c r="B3" s="22" t="s">
        <v>10</v>
      </c>
      <c r="C3" s="23"/>
      <c r="D3" s="23"/>
      <c r="E3" s="23"/>
      <c r="F3" s="23"/>
      <c r="G3" s="23"/>
      <c r="H3" s="23"/>
      <c r="I3" s="23"/>
      <c r="J3" s="23"/>
      <c r="K3" s="23"/>
      <c r="L3" s="13"/>
    </row>
    <row r="4" spans="2:12" ht="19.5" customHeight="1" x14ac:dyDescent="0.2"/>
    <row r="5" spans="2:12" ht="19.5" customHeight="1" x14ac:dyDescent="0.2">
      <c r="G5" s="9" t="s">
        <v>5</v>
      </c>
      <c r="H5" s="24"/>
      <c r="I5" s="24"/>
      <c r="J5" s="24"/>
    </row>
    <row r="6" spans="2:12" ht="19.5" customHeight="1" x14ac:dyDescent="0.2">
      <c r="G6" s="9" t="s">
        <v>6</v>
      </c>
      <c r="H6" s="24"/>
      <c r="I6" s="25"/>
      <c r="J6" s="24"/>
      <c r="L6" s="1" t="s">
        <v>1</v>
      </c>
    </row>
    <row r="7" spans="2:12" ht="19.5" customHeight="1" x14ac:dyDescent="0.2">
      <c r="G7" s="9" t="s">
        <v>7</v>
      </c>
      <c r="H7" s="24"/>
      <c r="I7" s="24"/>
      <c r="J7" s="26" t="s">
        <v>8</v>
      </c>
      <c r="L7" s="1" t="s">
        <v>1</v>
      </c>
    </row>
    <row r="8" spans="2:12" ht="19.5" customHeight="1" x14ac:dyDescent="0.2">
      <c r="G8" s="9" t="s">
        <v>2</v>
      </c>
      <c r="H8" s="24"/>
      <c r="I8" s="24"/>
      <c r="J8" s="24"/>
      <c r="L8" s="1" t="s">
        <v>1</v>
      </c>
    </row>
    <row r="9" spans="2:12" ht="19.5" customHeight="1" x14ac:dyDescent="0.2">
      <c r="G9" s="9" t="s">
        <v>9</v>
      </c>
      <c r="H9" s="24"/>
      <c r="I9" s="24"/>
      <c r="J9" s="24"/>
      <c r="L9" s="1" t="s">
        <v>0</v>
      </c>
    </row>
    <row r="10" spans="2:12" ht="19.5" customHeight="1" x14ac:dyDescent="0.2">
      <c r="I10" s="1"/>
    </row>
    <row r="11" spans="2:12" ht="19.5" customHeight="1" x14ac:dyDescent="0.2">
      <c r="H11" s="7" t="s">
        <v>4</v>
      </c>
      <c r="I11" s="7"/>
      <c r="J11" s="5" t="s">
        <v>12</v>
      </c>
      <c r="K11" t="s">
        <v>3</v>
      </c>
      <c r="L11" s="2" t="s">
        <v>0</v>
      </c>
    </row>
    <row r="12" spans="2:12" ht="30.75" customHeight="1" x14ac:dyDescent="0.2">
      <c r="C12" s="17" t="s">
        <v>13</v>
      </c>
      <c r="D12" s="15" t="s">
        <v>14</v>
      </c>
      <c r="E12" s="16"/>
      <c r="F12" s="16"/>
      <c r="G12" s="20" t="s">
        <v>21</v>
      </c>
      <c r="H12" s="19" t="s">
        <v>18</v>
      </c>
      <c r="I12" s="19" t="s">
        <v>20</v>
      </c>
      <c r="J12" s="19" t="s">
        <v>19</v>
      </c>
      <c r="L12" s="2"/>
    </row>
    <row r="13" spans="2:12" ht="18.75" customHeight="1" x14ac:dyDescent="0.2">
      <c r="C13" s="18"/>
      <c r="D13" s="10" t="s">
        <v>15</v>
      </c>
      <c r="E13" s="11" t="s">
        <v>16</v>
      </c>
      <c r="F13" s="12" t="s">
        <v>17</v>
      </c>
      <c r="G13" s="21"/>
      <c r="H13" s="19"/>
      <c r="I13" s="19"/>
      <c r="J13" s="19"/>
    </row>
    <row r="14" spans="2:12" ht="18.75" customHeight="1" x14ac:dyDescent="0.2">
      <c r="C14" s="27"/>
      <c r="D14" s="27"/>
      <c r="E14" s="27"/>
      <c r="F14" s="27"/>
      <c r="G14" s="27"/>
      <c r="H14" s="27"/>
      <c r="I14" s="27"/>
      <c r="J14" s="27"/>
    </row>
    <row r="15" spans="2:12" ht="18.75" customHeight="1" x14ac:dyDescent="0.2">
      <c r="C15" s="28"/>
      <c r="D15" s="28"/>
      <c r="E15" s="28"/>
      <c r="F15" s="28"/>
      <c r="G15" s="28"/>
      <c r="H15" s="28"/>
      <c r="I15" s="28"/>
      <c r="J15" s="28"/>
    </row>
    <row r="16" spans="2:12" ht="18.75" customHeight="1" x14ac:dyDescent="0.2">
      <c r="C16" s="28"/>
      <c r="D16" s="28"/>
      <c r="E16" s="28"/>
      <c r="F16" s="28"/>
      <c r="G16" s="28"/>
      <c r="H16" s="28"/>
      <c r="I16" s="28"/>
      <c r="J16" s="28"/>
    </row>
    <row r="17" spans="3:10" ht="18.75" customHeight="1" x14ac:dyDescent="0.2">
      <c r="C17" s="28"/>
      <c r="D17" s="28"/>
      <c r="E17" s="28"/>
      <c r="F17" s="28"/>
      <c r="G17" s="28"/>
      <c r="H17" s="28"/>
      <c r="I17" s="28"/>
      <c r="J17" s="28"/>
    </row>
    <row r="18" spans="3:10" ht="18.75" customHeight="1" x14ac:dyDescent="0.2">
      <c r="C18" s="28"/>
      <c r="D18" s="28"/>
      <c r="E18" s="28"/>
      <c r="F18" s="28"/>
      <c r="G18" s="28"/>
      <c r="H18" s="28"/>
      <c r="I18" s="28"/>
      <c r="J18" s="28"/>
    </row>
    <row r="19" spans="3:10" ht="18.75" customHeight="1" x14ac:dyDescent="0.2">
      <c r="C19" s="28"/>
      <c r="D19" s="28"/>
      <c r="E19" s="28"/>
      <c r="F19" s="28"/>
      <c r="G19" s="28"/>
      <c r="H19" s="28"/>
      <c r="I19" s="28"/>
      <c r="J19" s="28"/>
    </row>
    <row r="20" spans="3:10" ht="18.75" customHeight="1" x14ac:dyDescent="0.2">
      <c r="C20" s="28"/>
      <c r="D20" s="28"/>
      <c r="E20" s="28"/>
      <c r="F20" s="28"/>
      <c r="G20" s="28"/>
      <c r="H20" s="28"/>
      <c r="I20" s="28"/>
      <c r="J20" s="28"/>
    </row>
    <row r="21" spans="3:10" ht="18.75" customHeight="1" x14ac:dyDescent="0.2">
      <c r="C21" s="28"/>
      <c r="D21" s="28"/>
      <c r="E21" s="28"/>
      <c r="F21" s="28"/>
      <c r="G21" s="28"/>
      <c r="H21" s="28"/>
      <c r="I21" s="28"/>
      <c r="J21" s="28"/>
    </row>
    <row r="22" spans="3:10" ht="18.75" customHeight="1" x14ac:dyDescent="0.2">
      <c r="C22" s="28"/>
      <c r="D22" s="28"/>
      <c r="E22" s="28"/>
      <c r="F22" s="28"/>
      <c r="G22" s="28"/>
      <c r="H22" s="28"/>
      <c r="I22" s="28"/>
      <c r="J22" s="28"/>
    </row>
    <row r="23" spans="3:10" ht="18.75" customHeight="1" x14ac:dyDescent="0.2">
      <c r="C23" s="28"/>
      <c r="D23" s="28"/>
      <c r="E23" s="28"/>
      <c r="F23" s="28"/>
      <c r="G23" s="28"/>
      <c r="H23" s="28"/>
      <c r="I23" s="28"/>
      <c r="J23" s="28"/>
    </row>
    <row r="24" spans="3:10" ht="18.75" customHeight="1" x14ac:dyDescent="0.2">
      <c r="C24" s="28"/>
      <c r="D24" s="28"/>
      <c r="E24" s="28"/>
      <c r="F24" s="28"/>
      <c r="G24" s="28"/>
      <c r="H24" s="28"/>
      <c r="I24" s="28"/>
      <c r="J24" s="28"/>
    </row>
    <row r="25" spans="3:10" ht="18.75" customHeight="1" x14ac:dyDescent="0.2">
      <c r="C25" s="28"/>
      <c r="D25" s="28"/>
      <c r="E25" s="28"/>
      <c r="F25" s="28"/>
      <c r="G25" s="28"/>
      <c r="H25" s="28"/>
      <c r="I25" s="28"/>
      <c r="J25" s="28"/>
    </row>
    <row r="26" spans="3:10" ht="18.75" customHeight="1" x14ac:dyDescent="0.2">
      <c r="C26" s="28"/>
      <c r="D26" s="28"/>
      <c r="E26" s="28"/>
      <c r="F26" s="28"/>
      <c r="G26" s="28"/>
      <c r="H26" s="28"/>
      <c r="I26" s="28"/>
      <c r="J26" s="28"/>
    </row>
    <row r="27" spans="3:10" ht="18.75" customHeight="1" x14ac:dyDescent="0.2">
      <c r="C27" s="28"/>
      <c r="D27" s="28"/>
      <c r="E27" s="28"/>
      <c r="F27" s="28"/>
      <c r="G27" s="28"/>
      <c r="H27" s="28"/>
      <c r="I27" s="28"/>
      <c r="J27" s="28"/>
    </row>
    <row r="28" spans="3:10" ht="18.75" customHeight="1" x14ac:dyDescent="0.2">
      <c r="C28" s="28"/>
      <c r="D28" s="28"/>
      <c r="E28" s="28"/>
      <c r="F28" s="28"/>
      <c r="G28" s="28"/>
      <c r="H28" s="28"/>
      <c r="I28" s="28"/>
      <c r="J28" s="28"/>
    </row>
    <row r="29" spans="3:10" ht="18.75" customHeight="1" x14ac:dyDescent="0.2">
      <c r="C29" s="28"/>
      <c r="D29" s="28"/>
      <c r="E29" s="28"/>
      <c r="F29" s="28"/>
      <c r="G29" s="28"/>
      <c r="H29" s="28"/>
      <c r="I29" s="28"/>
      <c r="J29" s="28"/>
    </row>
    <row r="30" spans="3:10" ht="18.75" customHeight="1" x14ac:dyDescent="0.2">
      <c r="C30" s="28"/>
      <c r="D30" s="28"/>
      <c r="E30" s="28"/>
      <c r="F30" s="28"/>
      <c r="G30" s="28"/>
      <c r="H30" s="28"/>
      <c r="I30" s="28"/>
      <c r="J30" s="28"/>
    </row>
    <row r="31" spans="3:10" ht="18.75" customHeight="1" x14ac:dyDescent="0.2">
      <c r="C31" s="28"/>
      <c r="D31" s="28"/>
      <c r="E31" s="28"/>
      <c r="F31" s="28"/>
      <c r="G31" s="28"/>
      <c r="H31" s="28"/>
      <c r="I31" s="28"/>
      <c r="J31" s="28"/>
    </row>
    <row r="32" spans="3:10" ht="18.75" customHeight="1" x14ac:dyDescent="0.2">
      <c r="C32" s="28"/>
      <c r="D32" s="28"/>
      <c r="E32" s="28"/>
      <c r="F32" s="28"/>
      <c r="G32" s="28"/>
      <c r="H32" s="28"/>
      <c r="I32" s="28"/>
      <c r="J32" s="28"/>
    </row>
    <row r="33" spans="1:12" ht="18.75" customHeight="1" x14ac:dyDescent="0.2">
      <c r="C33" s="28"/>
      <c r="D33" s="28"/>
      <c r="E33" s="28"/>
      <c r="F33" s="28"/>
      <c r="G33" s="28"/>
      <c r="H33" s="28"/>
      <c r="I33" s="28"/>
      <c r="J33" s="28"/>
    </row>
    <row r="34" spans="1:12" ht="18.75" customHeight="1" x14ac:dyDescent="0.2">
      <c r="C34" s="28"/>
      <c r="D34" s="28"/>
      <c r="E34" s="28"/>
      <c r="F34" s="28"/>
      <c r="G34" s="28"/>
      <c r="H34" s="28"/>
      <c r="I34" s="28"/>
      <c r="J34" s="28"/>
    </row>
    <row r="35" spans="1:12" ht="18.75" customHeight="1" x14ac:dyDescent="0.2">
      <c r="C35" s="28"/>
      <c r="D35" s="28"/>
      <c r="E35" s="28"/>
      <c r="F35" s="28"/>
      <c r="G35" s="28"/>
      <c r="H35" s="28"/>
      <c r="I35" s="28"/>
      <c r="J35" s="28"/>
    </row>
    <row r="36" spans="1:12" ht="18.75" customHeight="1" x14ac:dyDescent="0.2">
      <c r="C36" s="28"/>
      <c r="D36" s="28"/>
      <c r="E36" s="28"/>
      <c r="F36" s="28"/>
      <c r="G36" s="28"/>
      <c r="H36" s="28"/>
      <c r="I36" s="28"/>
      <c r="J36" s="28"/>
    </row>
    <row r="37" spans="1:12" ht="18.75" customHeight="1" x14ac:dyDescent="0.2">
      <c r="C37" s="28"/>
      <c r="D37" s="28"/>
      <c r="E37" s="28"/>
      <c r="F37" s="28"/>
      <c r="G37" s="28"/>
      <c r="H37" s="28"/>
      <c r="I37" s="28"/>
      <c r="J37" s="28"/>
    </row>
    <row r="38" spans="1:12" ht="18.75" customHeight="1" x14ac:dyDescent="0.2">
      <c r="C38" s="3"/>
      <c r="D38" s="3"/>
      <c r="E38" s="3"/>
      <c r="F38" s="3"/>
      <c r="G38" s="29" t="s">
        <v>24</v>
      </c>
      <c r="H38" s="3">
        <f>SUM(H14:H37)</f>
        <v>0</v>
      </c>
      <c r="I38" s="3">
        <f t="shared" ref="I38:J38" si="0">SUM(I14:I37)</f>
        <v>0</v>
      </c>
      <c r="J38" s="3">
        <f t="shared" si="0"/>
        <v>0</v>
      </c>
    </row>
    <row r="39" spans="1:12" ht="19.5" customHeight="1" x14ac:dyDescent="0.2">
      <c r="C39" s="6" t="s">
        <v>11</v>
      </c>
      <c r="D39" s="4"/>
      <c r="E39" s="4"/>
      <c r="F39" s="4"/>
      <c r="G39" s="4"/>
      <c r="H39" s="4"/>
      <c r="I39" s="4"/>
      <c r="J39" s="4"/>
    </row>
    <row r="40" spans="1:12" ht="19.5" customHeight="1" x14ac:dyDescent="0.2">
      <c r="C40" s="6" t="s">
        <v>22</v>
      </c>
      <c r="D40" s="4"/>
      <c r="E40" s="4"/>
      <c r="F40" s="4"/>
      <c r="G40" s="4"/>
      <c r="H40" s="4"/>
      <c r="I40" s="4"/>
      <c r="J40" s="4"/>
    </row>
    <row r="42" spans="1:12" ht="25.5" customHeight="1" x14ac:dyDescent="0.2"/>
    <row r="43" spans="1:12" ht="14.4" x14ac:dyDescent="0.2">
      <c r="A43" s="14"/>
      <c r="B43" s="14"/>
      <c r="C43" s="14"/>
      <c r="D43" s="14"/>
      <c r="E43" s="14"/>
      <c r="F43" s="14"/>
      <c r="G43" s="14"/>
      <c r="H43" s="14"/>
      <c r="I43" s="14"/>
      <c r="J43" s="14"/>
      <c r="K43" s="14"/>
      <c r="L43" s="14"/>
    </row>
  </sheetData>
  <mergeCells count="8">
    <mergeCell ref="B3:K3"/>
    <mergeCell ref="A43:L43"/>
    <mergeCell ref="D12:F12"/>
    <mergeCell ref="C12:C13"/>
    <mergeCell ref="H12:H13"/>
    <mergeCell ref="I12:I13"/>
    <mergeCell ref="J12:J13"/>
    <mergeCell ref="G12:G13"/>
  </mergeCells>
  <phoneticPr fontId="2"/>
  <pageMargins left="0.78740157480314965" right="0.43307086614173229" top="0.78740157480314965" bottom="0.39370078740157483" header="0.51181102362204722" footer="0.51181102362204722"/>
  <pageSetup paperSize="9" scale="97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79F16C3-CC5F-44BD-9B65-D321892C7158}">
  <dimension ref="A1:L43"/>
  <sheetViews>
    <sheetView tabSelected="1" workbookViewId="0">
      <selection activeCell="C10" sqref="C10"/>
    </sheetView>
  </sheetViews>
  <sheetFormatPr defaultRowHeight="13.2" x14ac:dyDescent="0.2"/>
  <cols>
    <col min="1" max="1" width="1.44140625" customWidth="1"/>
    <col min="2" max="2" width="2" customWidth="1"/>
    <col min="3" max="3" width="20.21875" customWidth="1"/>
    <col min="4" max="4" width="4.6640625" customWidth="1"/>
    <col min="5" max="6" width="4.77734375" customWidth="1"/>
    <col min="7" max="7" width="24.109375" customWidth="1"/>
    <col min="8" max="10" width="9.109375" customWidth="1"/>
    <col min="11" max="11" width="1.33203125" customWidth="1"/>
    <col min="12" max="12" width="3.109375" customWidth="1"/>
  </cols>
  <sheetData>
    <row r="1" spans="2:12" x14ac:dyDescent="0.2">
      <c r="B1" s="8" t="s">
        <v>23</v>
      </c>
    </row>
    <row r="3" spans="2:12" ht="19.2" x14ac:dyDescent="0.25">
      <c r="B3" s="22" t="s">
        <v>10</v>
      </c>
      <c r="C3" s="23"/>
      <c r="D3" s="23"/>
      <c r="E3" s="23"/>
      <c r="F3" s="23"/>
      <c r="G3" s="23"/>
      <c r="H3" s="23"/>
      <c r="I3" s="23"/>
      <c r="J3" s="23"/>
      <c r="K3" s="23"/>
      <c r="L3" s="13"/>
    </row>
    <row r="5" spans="2:12" x14ac:dyDescent="0.2">
      <c r="G5" s="9" t="s">
        <v>5</v>
      </c>
      <c r="H5" s="31" t="s">
        <v>25</v>
      </c>
      <c r="I5" s="31"/>
      <c r="J5" s="31"/>
    </row>
    <row r="6" spans="2:12" x14ac:dyDescent="0.2">
      <c r="G6" s="9" t="s">
        <v>6</v>
      </c>
      <c r="H6" s="31" t="s">
        <v>26</v>
      </c>
      <c r="I6" s="31"/>
      <c r="J6" s="31"/>
      <c r="L6" s="1" t="s">
        <v>0</v>
      </c>
    </row>
    <row r="7" spans="2:12" x14ac:dyDescent="0.2">
      <c r="G7" s="9" t="s">
        <v>7</v>
      </c>
      <c r="H7" s="32" t="s">
        <v>27</v>
      </c>
      <c r="I7" s="32"/>
      <c r="J7" s="32"/>
      <c r="L7" s="1" t="s">
        <v>0</v>
      </c>
    </row>
    <row r="8" spans="2:12" x14ac:dyDescent="0.2">
      <c r="G8" s="9" t="s">
        <v>2</v>
      </c>
      <c r="H8" s="31" t="s">
        <v>28</v>
      </c>
      <c r="I8" s="31"/>
      <c r="J8" s="31"/>
      <c r="L8" s="1" t="s">
        <v>0</v>
      </c>
    </row>
    <row r="9" spans="2:12" x14ac:dyDescent="0.2">
      <c r="G9" s="9" t="s">
        <v>9</v>
      </c>
      <c r="H9" s="31" t="s">
        <v>29</v>
      </c>
      <c r="I9" s="31"/>
      <c r="J9" s="31"/>
      <c r="L9" s="1" t="s">
        <v>0</v>
      </c>
    </row>
    <row r="10" spans="2:12" ht="23.4" customHeight="1" x14ac:dyDescent="0.2">
      <c r="I10" s="1"/>
    </row>
    <row r="11" spans="2:12" ht="26.4" customHeight="1" x14ac:dyDescent="0.2">
      <c r="H11" s="7" t="s">
        <v>54</v>
      </c>
      <c r="I11" s="7"/>
      <c r="J11" s="5" t="s">
        <v>12</v>
      </c>
      <c r="K11" t="s">
        <v>0</v>
      </c>
      <c r="L11" s="2" t="s">
        <v>0</v>
      </c>
    </row>
    <row r="12" spans="2:12" x14ac:dyDescent="0.2">
      <c r="C12" s="17" t="s">
        <v>13</v>
      </c>
      <c r="D12" s="15" t="s">
        <v>14</v>
      </c>
      <c r="E12" s="16"/>
      <c r="F12" s="16"/>
      <c r="G12" s="20" t="s">
        <v>21</v>
      </c>
      <c r="H12" s="19" t="s">
        <v>18</v>
      </c>
      <c r="I12" s="19" t="s">
        <v>20</v>
      </c>
      <c r="J12" s="19" t="s">
        <v>19</v>
      </c>
      <c r="L12" s="2"/>
    </row>
    <row r="13" spans="2:12" x14ac:dyDescent="0.2">
      <c r="C13" s="18"/>
      <c r="D13" s="30" t="s">
        <v>15</v>
      </c>
      <c r="E13" s="11" t="s">
        <v>16</v>
      </c>
      <c r="F13" s="12" t="s">
        <v>17</v>
      </c>
      <c r="G13" s="21"/>
      <c r="H13" s="19"/>
      <c r="I13" s="19"/>
      <c r="J13" s="19"/>
    </row>
    <row r="14" spans="2:12" x14ac:dyDescent="0.2">
      <c r="C14" s="33" t="s">
        <v>30</v>
      </c>
      <c r="D14" s="34">
        <v>1</v>
      </c>
      <c r="E14" s="34">
        <v>1</v>
      </c>
      <c r="F14" s="34" t="s">
        <v>31</v>
      </c>
      <c r="G14" s="34" t="s">
        <v>32</v>
      </c>
      <c r="H14" s="35">
        <v>12000</v>
      </c>
      <c r="I14" s="35">
        <v>8000</v>
      </c>
      <c r="J14" s="35">
        <v>200</v>
      </c>
    </row>
    <row r="15" spans="2:12" x14ac:dyDescent="0.2">
      <c r="C15" s="33" t="s">
        <v>33</v>
      </c>
      <c r="D15" s="36">
        <v>1</v>
      </c>
      <c r="E15" s="36">
        <v>3</v>
      </c>
      <c r="F15" s="36" t="s">
        <v>31</v>
      </c>
      <c r="G15" s="34" t="s">
        <v>32</v>
      </c>
      <c r="H15" s="37">
        <v>16000</v>
      </c>
      <c r="I15" s="37">
        <v>12000</v>
      </c>
      <c r="J15" s="37">
        <v>1800</v>
      </c>
    </row>
    <row r="16" spans="2:12" x14ac:dyDescent="0.2">
      <c r="C16" s="33" t="s">
        <v>34</v>
      </c>
      <c r="D16" s="36">
        <v>1</v>
      </c>
      <c r="E16" s="36">
        <v>5</v>
      </c>
      <c r="F16" s="36" t="s">
        <v>31</v>
      </c>
      <c r="G16" s="34" t="s">
        <v>32</v>
      </c>
      <c r="H16" s="37">
        <v>10000</v>
      </c>
      <c r="I16" s="37">
        <v>8000</v>
      </c>
      <c r="J16" s="37">
        <v>5000</v>
      </c>
    </row>
    <row r="17" spans="3:10" x14ac:dyDescent="0.2">
      <c r="C17" s="33" t="s">
        <v>35</v>
      </c>
      <c r="D17" s="36">
        <v>1</v>
      </c>
      <c r="E17" s="36">
        <v>7</v>
      </c>
      <c r="F17" s="36" t="s">
        <v>31</v>
      </c>
      <c r="G17" s="34" t="s">
        <v>32</v>
      </c>
      <c r="H17" s="37">
        <v>2300</v>
      </c>
      <c r="I17" s="37">
        <v>1300</v>
      </c>
      <c r="J17" s="37">
        <v>130</v>
      </c>
    </row>
    <row r="18" spans="3:10" x14ac:dyDescent="0.2">
      <c r="C18" s="33" t="s">
        <v>36</v>
      </c>
      <c r="D18" s="36">
        <v>1</v>
      </c>
      <c r="E18" s="36">
        <v>9</v>
      </c>
      <c r="F18" s="36" t="s">
        <v>31</v>
      </c>
      <c r="G18" s="34" t="s">
        <v>32</v>
      </c>
      <c r="H18" s="37">
        <v>30000</v>
      </c>
      <c r="I18" s="37">
        <v>18000</v>
      </c>
      <c r="J18" s="37">
        <v>600</v>
      </c>
    </row>
    <row r="19" spans="3:10" x14ac:dyDescent="0.2">
      <c r="C19" s="33" t="s">
        <v>37</v>
      </c>
      <c r="D19" s="36">
        <v>1</v>
      </c>
      <c r="E19" s="36">
        <v>11</v>
      </c>
      <c r="F19" s="36" t="s">
        <v>31</v>
      </c>
      <c r="G19" s="34" t="s">
        <v>32</v>
      </c>
      <c r="H19" s="37">
        <v>4000</v>
      </c>
      <c r="I19" s="37">
        <v>3000</v>
      </c>
      <c r="J19" s="37">
        <v>0</v>
      </c>
    </row>
    <row r="20" spans="3:10" x14ac:dyDescent="0.2">
      <c r="C20" s="33" t="s">
        <v>38</v>
      </c>
      <c r="D20" s="36">
        <v>1</v>
      </c>
      <c r="E20" s="36">
        <v>13</v>
      </c>
      <c r="F20" s="36" t="s">
        <v>31</v>
      </c>
      <c r="G20" s="34" t="s">
        <v>32</v>
      </c>
      <c r="H20" s="37">
        <v>3000</v>
      </c>
      <c r="I20" s="37">
        <v>2000</v>
      </c>
      <c r="J20" s="37">
        <v>0</v>
      </c>
    </row>
    <row r="21" spans="3:10" ht="36" x14ac:dyDescent="0.2">
      <c r="C21" s="38" t="s">
        <v>39</v>
      </c>
      <c r="D21" s="36">
        <v>3</v>
      </c>
      <c r="E21" s="36" t="s">
        <v>31</v>
      </c>
      <c r="F21" s="36" t="s">
        <v>31</v>
      </c>
      <c r="G21" s="34" t="s">
        <v>40</v>
      </c>
      <c r="H21" s="37">
        <v>2000</v>
      </c>
      <c r="I21" s="37">
        <v>300</v>
      </c>
      <c r="J21" s="37">
        <v>500</v>
      </c>
    </row>
    <row r="22" spans="3:10" x14ac:dyDescent="0.2">
      <c r="C22" s="36" t="s">
        <v>41</v>
      </c>
      <c r="D22" s="36">
        <v>5</v>
      </c>
      <c r="E22" s="36" t="s">
        <v>31</v>
      </c>
      <c r="F22" s="36" t="s">
        <v>31</v>
      </c>
      <c r="G22" s="36" t="s">
        <v>42</v>
      </c>
      <c r="H22" s="37">
        <v>40000</v>
      </c>
      <c r="I22" s="37">
        <v>40000</v>
      </c>
      <c r="J22" s="37">
        <v>0</v>
      </c>
    </row>
    <row r="23" spans="3:10" ht="24" x14ac:dyDescent="0.2">
      <c r="C23" s="38" t="s">
        <v>43</v>
      </c>
      <c r="D23" s="36">
        <v>6</v>
      </c>
      <c r="E23" s="36" t="s">
        <v>31</v>
      </c>
      <c r="F23" s="36" t="s">
        <v>31</v>
      </c>
      <c r="G23" s="36" t="s">
        <v>44</v>
      </c>
      <c r="H23" s="37">
        <v>300</v>
      </c>
      <c r="I23" s="37">
        <v>100</v>
      </c>
      <c r="J23" s="37">
        <v>0</v>
      </c>
    </row>
    <row r="24" spans="3:10" ht="24" x14ac:dyDescent="0.2">
      <c r="C24" s="38" t="s">
        <v>45</v>
      </c>
      <c r="D24" s="36">
        <v>9</v>
      </c>
      <c r="E24" s="36" t="s">
        <v>31</v>
      </c>
      <c r="F24" s="36" t="s">
        <v>31</v>
      </c>
      <c r="G24" s="34" t="s">
        <v>32</v>
      </c>
      <c r="H24" s="37">
        <v>2000</v>
      </c>
      <c r="I24" s="37">
        <v>1500</v>
      </c>
      <c r="J24" s="39" t="s">
        <v>46</v>
      </c>
    </row>
    <row r="25" spans="3:10" x14ac:dyDescent="0.2">
      <c r="C25" s="36" t="s">
        <v>47</v>
      </c>
      <c r="D25" s="36">
        <v>10</v>
      </c>
      <c r="E25" s="36" t="s">
        <v>31</v>
      </c>
      <c r="F25" s="36" t="s">
        <v>31</v>
      </c>
      <c r="G25" s="34" t="s">
        <v>40</v>
      </c>
      <c r="H25" s="37">
        <v>0</v>
      </c>
      <c r="I25" s="37">
        <v>0</v>
      </c>
      <c r="J25" s="37">
        <v>0</v>
      </c>
    </row>
    <row r="26" spans="3:10" x14ac:dyDescent="0.2">
      <c r="C26" s="36" t="s">
        <v>48</v>
      </c>
      <c r="D26" s="36">
        <v>11</v>
      </c>
      <c r="E26" s="36" t="s">
        <v>31</v>
      </c>
      <c r="F26" s="36" t="s">
        <v>31</v>
      </c>
      <c r="G26" s="36" t="s">
        <v>42</v>
      </c>
      <c r="H26" s="37">
        <v>30000</v>
      </c>
      <c r="I26" s="37">
        <v>25000</v>
      </c>
      <c r="J26" s="37">
        <v>0</v>
      </c>
    </row>
    <row r="27" spans="3:10" ht="32.4" x14ac:dyDescent="0.2">
      <c r="C27" s="40" t="s">
        <v>49</v>
      </c>
      <c r="D27" s="36">
        <v>13</v>
      </c>
      <c r="E27" s="36">
        <v>2</v>
      </c>
      <c r="F27" s="36">
        <v>1</v>
      </c>
      <c r="G27" s="36" t="s">
        <v>50</v>
      </c>
      <c r="H27" s="37">
        <v>1100</v>
      </c>
      <c r="I27" s="37">
        <v>1100</v>
      </c>
      <c r="J27" s="37">
        <v>0</v>
      </c>
    </row>
    <row r="28" spans="3:10" x14ac:dyDescent="0.2">
      <c r="C28" s="36" t="s">
        <v>51</v>
      </c>
      <c r="D28" s="36">
        <v>14</v>
      </c>
      <c r="E28" s="36" t="s">
        <v>31</v>
      </c>
      <c r="F28" s="36" t="s">
        <v>31</v>
      </c>
      <c r="G28" s="36" t="s">
        <v>44</v>
      </c>
      <c r="H28" s="37">
        <v>2400</v>
      </c>
      <c r="I28" s="37">
        <v>300</v>
      </c>
      <c r="J28" s="37">
        <v>0</v>
      </c>
    </row>
    <row r="29" spans="3:10" x14ac:dyDescent="0.2">
      <c r="C29" s="36" t="s">
        <v>52</v>
      </c>
      <c r="D29" s="36">
        <v>15</v>
      </c>
      <c r="E29" s="36" t="s">
        <v>31</v>
      </c>
      <c r="F29" s="36" t="s">
        <v>31</v>
      </c>
      <c r="G29" s="34" t="s">
        <v>32</v>
      </c>
      <c r="H29" s="37">
        <v>9000</v>
      </c>
      <c r="I29" s="37">
        <v>8500</v>
      </c>
      <c r="J29" s="37">
        <v>0</v>
      </c>
    </row>
    <row r="30" spans="3:10" ht="26.4" x14ac:dyDescent="0.2">
      <c r="C30" s="40" t="s">
        <v>53</v>
      </c>
      <c r="D30" s="36">
        <v>16</v>
      </c>
      <c r="E30" s="36" t="s">
        <v>31</v>
      </c>
      <c r="F30" s="36" t="s">
        <v>31</v>
      </c>
      <c r="G30" s="34" t="s">
        <v>40</v>
      </c>
      <c r="H30" s="37">
        <v>2000</v>
      </c>
      <c r="I30" s="37">
        <v>60</v>
      </c>
      <c r="J30" s="37">
        <v>0</v>
      </c>
    </row>
    <row r="31" spans="3:10" x14ac:dyDescent="0.2">
      <c r="C31" s="41"/>
      <c r="D31" s="41"/>
      <c r="E31" s="41"/>
      <c r="F31" s="41"/>
      <c r="G31" s="41"/>
      <c r="H31" s="42"/>
      <c r="I31" s="42"/>
      <c r="J31" s="42"/>
    </row>
    <row r="32" spans="3:10" x14ac:dyDescent="0.2">
      <c r="C32" s="41"/>
      <c r="D32" s="41"/>
      <c r="E32" s="41"/>
      <c r="F32" s="41"/>
      <c r="G32" s="41"/>
      <c r="H32" s="42"/>
      <c r="I32" s="42"/>
      <c r="J32" s="42"/>
    </row>
    <row r="33" spans="1:12" x14ac:dyDescent="0.2">
      <c r="C33" s="41"/>
      <c r="D33" s="41"/>
      <c r="E33" s="41"/>
      <c r="F33" s="41"/>
      <c r="G33" s="41"/>
      <c r="H33" s="42"/>
      <c r="I33" s="42"/>
      <c r="J33" s="42"/>
    </row>
    <row r="34" spans="1:12" x14ac:dyDescent="0.2">
      <c r="C34" s="41"/>
      <c r="D34" s="41"/>
      <c r="E34" s="41"/>
      <c r="F34" s="41"/>
      <c r="G34" s="41"/>
      <c r="H34" s="42"/>
      <c r="I34" s="42"/>
      <c r="J34" s="42"/>
    </row>
    <row r="35" spans="1:12" x14ac:dyDescent="0.2">
      <c r="C35" s="41"/>
      <c r="D35" s="41"/>
      <c r="E35" s="41"/>
      <c r="F35" s="41"/>
      <c r="G35" s="41"/>
      <c r="H35" s="42"/>
      <c r="I35" s="42"/>
      <c r="J35" s="42"/>
    </row>
    <row r="36" spans="1:12" x14ac:dyDescent="0.2">
      <c r="C36" s="41"/>
      <c r="D36" s="41"/>
      <c r="E36" s="41"/>
      <c r="F36" s="41"/>
      <c r="G36" s="41"/>
      <c r="H36" s="42"/>
      <c r="I36" s="42"/>
      <c r="J36" s="42"/>
    </row>
    <row r="37" spans="1:12" x14ac:dyDescent="0.2">
      <c r="C37" s="41"/>
      <c r="D37" s="41"/>
      <c r="E37" s="41"/>
      <c r="F37" s="41"/>
      <c r="G37" s="41"/>
      <c r="H37" s="42"/>
      <c r="I37" s="42"/>
      <c r="J37" s="42"/>
    </row>
    <row r="38" spans="1:12" x14ac:dyDescent="0.2">
      <c r="C38" s="43"/>
      <c r="D38" s="43"/>
      <c r="E38" s="43"/>
      <c r="F38" s="43"/>
      <c r="G38" s="44" t="s">
        <v>24</v>
      </c>
      <c r="H38" s="45">
        <f>SUM(H14:H37)</f>
        <v>166100</v>
      </c>
      <c r="I38" s="45">
        <f t="shared" ref="I38:J38" si="0">SUM(I14:I37)</f>
        <v>129160</v>
      </c>
      <c r="J38" s="45">
        <f t="shared" si="0"/>
        <v>8230</v>
      </c>
    </row>
    <row r="39" spans="1:12" x14ac:dyDescent="0.2">
      <c r="C39" s="46" t="s">
        <v>11</v>
      </c>
    </row>
    <row r="40" spans="1:12" x14ac:dyDescent="0.2">
      <c r="C40" s="46" t="s">
        <v>22</v>
      </c>
    </row>
    <row r="43" spans="1:12" ht="14.4" x14ac:dyDescent="0.2">
      <c r="A43" s="14"/>
      <c r="B43" s="14"/>
      <c r="C43" s="14"/>
      <c r="D43" s="14"/>
      <c r="E43" s="14"/>
      <c r="F43" s="14"/>
      <c r="G43" s="14"/>
      <c r="H43" s="14"/>
      <c r="I43" s="14"/>
      <c r="J43" s="14"/>
      <c r="K43" s="14"/>
      <c r="L43" s="14"/>
    </row>
  </sheetData>
  <mergeCells count="13">
    <mergeCell ref="A43:L43"/>
    <mergeCell ref="C12:C13"/>
    <mergeCell ref="D12:F12"/>
    <mergeCell ref="G12:G13"/>
    <mergeCell ref="H12:H13"/>
    <mergeCell ref="I12:I13"/>
    <mergeCell ref="J12:J13"/>
    <mergeCell ref="B3:K3"/>
    <mergeCell ref="H5:J5"/>
    <mergeCell ref="H6:J6"/>
    <mergeCell ref="H7:J7"/>
    <mergeCell ref="H8:J8"/>
    <mergeCell ref="H9:J9"/>
  </mergeCells>
  <phoneticPr fontId="2"/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リサイクル資材年次報告様式（第５号様式）</vt:lpstr>
      <vt:lpstr>記載例</vt:lpstr>
      <vt:lpstr>'リサイクル資材年次報告様式（第５号様式）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システム課</dc:creator>
  <cp:lastModifiedBy>user</cp:lastModifiedBy>
  <cp:lastPrinted>2010-04-23T09:53:15Z</cp:lastPrinted>
  <dcterms:created xsi:type="dcterms:W3CDTF">2004-08-20T01:55:44Z</dcterms:created>
  <dcterms:modified xsi:type="dcterms:W3CDTF">2026-06-30T00:41:26Z</dcterms:modified>
</cp:coreProperties>
</file>